
<file path=[Content_Types].xml><?xml version="1.0" encoding="utf-8"?>
<Types xmlns="http://schemas.openxmlformats.org/package/2006/content-types">
  <Default Extension="bin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media/image2.bin" ContentType="image/x-emf"/>
  <Override PartName="/ppt/media/image3.bin" ContentType="image/x-emf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56" r:id="rId5"/>
    <p:sldId id="257" r:id="rId6"/>
    <p:sldId id="258" r:id="rId7"/>
    <p:sldId id="259" r:id="rId8"/>
    <p:sldId id="260" r:id="rId9"/>
    <p:sldId id="261" r:id="rId10"/>
    <p:sldId id="262" r:id="rId11"/>
    <p:sldId id="263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94662" autoAdjust="0"/>
  </p:normalViewPr>
  <p:slideViewPr>
    <p:cSldViewPr snapToGrid="0" showGuides="1">
      <p:cViewPr varScale="1">
        <p:scale>
          <a:sx n="59" d="100"/>
          <a:sy n="59" d="100"/>
        </p:scale>
        <p:origin x="188" y="32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5/09/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78273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37500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58915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66345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9318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19535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356"/>
            <a:ext cx="3340800" cy="180085"/>
          </a:xfrm>
        </p:spPr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1022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41175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1022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0500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1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88226"/>
            <a:ext cx="4086495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2984"/>
            <a:ext cx="8132617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604278"/>
            <a:ext cx="43140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74211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425450" y="1840105"/>
            <a:ext cx="2332800" cy="1600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404813" y="469251"/>
            <a:ext cx="11376025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001480" y="3572293"/>
            <a:ext cx="2463605" cy="113364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001481" y="1840105"/>
            <a:ext cx="2463605" cy="1477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3784489" y="1840105"/>
            <a:ext cx="233314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3784489" y="2736739"/>
            <a:ext cx="2333140" cy="1708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437033" y="3578989"/>
            <a:ext cx="2463605" cy="10772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443912" y="5020343"/>
            <a:ext cx="233314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6170613" y="485258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4202545" y="5902037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78565" y="3064798"/>
            <a:ext cx="549328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906525" y="2912438"/>
            <a:ext cx="33740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678565" y="3819276"/>
            <a:ext cx="363713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906525" y="2032669"/>
            <a:ext cx="262151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78565" y="4502402"/>
            <a:ext cx="61236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78565" y="5546139"/>
            <a:ext cx="54724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897741" y="3356020"/>
            <a:ext cx="359695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7334"/>
            <a:ext cx="4086495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  <p:sp>
        <p:nvSpPr>
          <p:cNvPr id="11" name="USR_name"/>
          <p:cNvSpPr/>
          <p:nvPr userDrawn="1"/>
        </p:nvSpPr>
        <p:spPr>
          <a:xfrm>
            <a:off x="410400" y="6127200"/>
            <a:ext cx="33408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dirty="0">
                <a:solidFill>
                  <a:schemeClr val="tx1"/>
                </a:solidFill>
              </a:rPr>
              <a:t>Bess Egede Roger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tx1"/>
                </a:solidFill>
              </a:rPr>
              <a:t>Centre for Journalism</a:t>
            </a:r>
          </a:p>
        </p:txBody>
      </p:sp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image" Target="../media/image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410400" y="6569966"/>
            <a:ext cx="33408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172958"/>
            <a:ext cx="33408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3" r:id="rId4"/>
    <p:sldLayoutId id="2147483667" r:id="rId5"/>
    <p:sldLayoutId id="2147483664" r:id="rId6"/>
    <p:sldLayoutId id="2147483655" r:id="rId7"/>
    <p:sldLayoutId id="2147483649" r:id="rId8"/>
    <p:sldLayoutId id="2147483674" r:id="rId9"/>
    <p:sldLayoutId id="2147483671" r:id="rId10"/>
    <p:sldLayoutId id="2147483665" r:id="rId11"/>
    <p:sldLayoutId id="2147483656" r:id="rId12"/>
    <p:sldLayoutId id="2147483650" r:id="rId13"/>
    <p:sldLayoutId id="2147483675" r:id="rId14"/>
    <p:sldLayoutId id="2147483668" r:id="rId15"/>
    <p:sldLayoutId id="2147483660" r:id="rId16"/>
    <p:sldLayoutId id="2147483657" r:id="rId17"/>
    <p:sldLayoutId id="2147483651" r:id="rId18"/>
    <p:sldLayoutId id="2147483672" r:id="rId19"/>
    <p:sldLayoutId id="2147483661" r:id="rId20"/>
    <p:sldLayoutId id="2147483654" r:id="rId21"/>
    <p:sldLayoutId id="2147483676" r:id="rId22"/>
    <p:sldLayoutId id="2147483669" r:id="rId23"/>
    <p:sldLayoutId id="2147483666" r:id="rId24"/>
    <p:sldLayoutId id="2147483658" r:id="rId25"/>
    <p:sldLayoutId id="2147483652" r:id="rId26"/>
    <p:sldLayoutId id="2147483677" r:id="rId27"/>
    <p:sldLayoutId id="2147483670" r:id="rId28"/>
    <p:sldLayoutId id="2147483662" r:id="rId29"/>
    <p:sldLayoutId id="2147483678" r:id="rId30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3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e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er for journalis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Date</a:t>
            </a:r>
            <a:endParaRPr lang="da-DK" dirty="0"/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er for journalis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03862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B396E74-24B1-9DA0-0346-820062E2AC2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59463" y="6294017"/>
            <a:ext cx="1752845" cy="38105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73309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6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 err="1"/>
              <a:t>Center</a:t>
            </a:r>
            <a:r>
              <a:rPr lang="en-GB" dirty="0"/>
              <a:t> for </a:t>
            </a:r>
            <a:r>
              <a:rPr lang="en-GB" dirty="0" err="1"/>
              <a:t>Journalistik</a:t>
            </a:r>
            <a:endParaRPr lang="en-GB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44848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 err="1"/>
              <a:t>Center</a:t>
            </a:r>
            <a:r>
              <a:rPr lang="en-GB" dirty="0"/>
              <a:t> for </a:t>
            </a:r>
            <a:r>
              <a:rPr lang="en-GB" dirty="0" err="1"/>
              <a:t>journalistik</a:t>
            </a:r>
            <a:endParaRPr lang="en-GB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802337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Pladsholder til indhold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a-DK" dirty="0"/>
              <a:t>Center for journalis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6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06231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a-DK" dirty="0"/>
              <a:t>Center for journalis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25358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21/09/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1F89186A-4952-46BE-8997-7D958356CB3C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1600AEE8-6506-4F33-9B5C-609E6F52A17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D0C88EA9-C4F5-4E4F-8352-5B8DFE16D42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147ec60-a47f-46bc-b186-fb66520944e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1</Words>
  <Application>Microsoft Office PowerPoint</Application>
  <PresentationFormat>Widescreen</PresentationFormat>
  <Paragraphs>31</Paragraphs>
  <Slides>8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0" baseType="lpstr">
      <vt:lpstr>Arial</vt:lpstr>
      <vt:lpstr>SDU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5-09-15T12:10:2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9744225617697</vt:lpwstr>
  </property>
  <property fmtid="{D5CDD505-2E9C-101B-9397-08002B2CF9AE}" pid="6" name="ContentTypeId">
    <vt:lpwstr>0x010100A0DBBFDE404BD84E89523A9B3885119C</vt:lpwstr>
  </property>
</Properties>
</file>